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3203620" w:rsidR="009000CE" w:rsidRDefault="00E55DA6" w:rsidP="00ED34AE">
                <w:pPr>
                  <w:pStyle w:val="Title"/>
                </w:pPr>
                <w:r>
                  <w:t>NSW Penalty Data Tool:</w:t>
                </w:r>
                <w:r w:rsidR="00184AA9">
                  <w:t xml:space="preserve"> </w:t>
                </w:r>
                <w:r w:rsidR="00ED34AE">
                  <w:t>Executive Summary</w:t>
                </w:r>
              </w:p>
            </w:sdtContent>
          </w:sdt>
        </w:tc>
      </w:tr>
      <w:tr w:rsidR="009000CE" w14:paraId="70FBC1D6" w14:textId="77777777">
        <w:trPr>
          <w:trHeight w:val="6705"/>
        </w:trPr>
        <w:tc>
          <w:tcPr>
            <w:tcW w:w="9350" w:type="dxa"/>
            <w:vAlign w:val="bottom"/>
          </w:tcPr>
          <w:p w14:paraId="2EC974D8" w14:textId="77777777" w:rsidR="00E55DA6" w:rsidRDefault="00E55DA6" w:rsidP="00E55DA6">
            <w:pPr>
              <w:pStyle w:val="Heading3"/>
              <w:rPr>
                <w:rFonts w:asciiTheme="minorHAnsi" w:eastAsiaTheme="minorEastAsia" w:hAnsiTheme="minorHAnsi" w:cstheme="minorHAnsi"/>
                <w:color w:val="000000" w:themeColor="text1"/>
                <w:sz w:val="22"/>
                <w:szCs w:val="22"/>
              </w:rPr>
            </w:pPr>
            <w:r>
              <w:rPr>
                <w:rFonts w:asciiTheme="minorHAnsi" w:eastAsiaTheme="minorEastAsia" w:hAnsiTheme="minorHAnsi" w:cstheme="minorHAnsi"/>
                <w:color w:val="000000" w:themeColor="text1"/>
                <w:sz w:val="22"/>
                <w:szCs w:val="22"/>
              </w:rPr>
              <w:t xml:space="preserve">Brianne Byer </w:t>
            </w:r>
            <w:r w:rsidRPr="00E55DA6">
              <w:rPr>
                <w:rFonts w:asciiTheme="minorHAnsi" w:eastAsiaTheme="minorEastAsia" w:hAnsiTheme="minorHAnsi" w:cstheme="minorHAnsi"/>
                <w:color w:val="000000" w:themeColor="text1"/>
                <w:sz w:val="22"/>
                <w:szCs w:val="22"/>
              </w:rPr>
              <w:t>s5175100</w:t>
            </w:r>
          </w:p>
          <w:p w14:paraId="77B2B9B8" w14:textId="77777777" w:rsidR="00E55DA6" w:rsidRDefault="00E55DA6" w:rsidP="00E55DA6">
            <w:pPr>
              <w:pStyle w:val="Heading3"/>
              <w:rPr>
                <w:rFonts w:asciiTheme="minorHAnsi" w:eastAsiaTheme="minorEastAsia" w:hAnsiTheme="minorHAnsi" w:cstheme="minorHAnsi"/>
                <w:color w:val="000000" w:themeColor="text1"/>
                <w:sz w:val="22"/>
                <w:szCs w:val="22"/>
              </w:rPr>
            </w:pPr>
            <w:r w:rsidRPr="00E55DA6">
              <w:rPr>
                <w:rFonts w:asciiTheme="minorHAnsi" w:eastAsiaTheme="minorEastAsia" w:hAnsiTheme="minorHAnsi" w:cstheme="minorHAnsi"/>
                <w:color w:val="000000" w:themeColor="text1"/>
                <w:sz w:val="22"/>
                <w:szCs w:val="22"/>
              </w:rPr>
              <w:t>Wonwoo Choi s5145987</w:t>
            </w:r>
          </w:p>
          <w:p w14:paraId="0A52C59D" w14:textId="2C0FB225" w:rsidR="00677480" w:rsidRPr="00677480" w:rsidRDefault="00E55DA6" w:rsidP="00677480">
            <w:pPr>
              <w:pStyle w:val="Heading3"/>
              <w:rPr>
                <w:rFonts w:asciiTheme="minorHAnsi" w:eastAsiaTheme="minorEastAsia" w:hAnsiTheme="minorHAnsi" w:cstheme="minorHAnsi"/>
                <w:color w:val="000000" w:themeColor="text1"/>
                <w:sz w:val="22"/>
                <w:szCs w:val="22"/>
              </w:rPr>
            </w:pPr>
            <w:r w:rsidRPr="00E55DA6">
              <w:rPr>
                <w:rFonts w:asciiTheme="minorHAnsi" w:eastAsiaTheme="minorEastAsia" w:hAnsiTheme="minorHAnsi" w:cstheme="minorHAnsi"/>
                <w:color w:val="000000" w:themeColor="text1"/>
                <w:sz w:val="22"/>
                <w:szCs w:val="22"/>
              </w:rPr>
              <w:t>Marco Querzola s5264979</w:t>
            </w:r>
          </w:p>
          <w:p w14:paraId="731D4453" w14:textId="77777777" w:rsidR="009000CE" w:rsidRDefault="00184AA9">
            <w:pPr>
              <w:pStyle w:val="Heading3"/>
            </w:pPr>
            <w:r>
              <w:t>2810ICT Software Technologies</w:t>
            </w:r>
          </w:p>
          <w:p w14:paraId="44D315E5" w14:textId="609F0137" w:rsidR="009000CE" w:rsidRDefault="00000000" w:rsidP="00184AA9">
            <w:pPr>
              <w:pStyle w:val="Heading3"/>
            </w:pPr>
            <w:sdt>
              <w:sdtPr>
                <w:id w:val="1657335012"/>
                <w:placeholder>
                  <w:docPart w:val="CCAB335EBB7D49D09A6FD43A25F22038"/>
                </w:placeholder>
                <w:date w:fullDate="2022-10-09T00:00:00Z">
                  <w:dateFormat w:val="MMMM d, yyyy"/>
                  <w:lid w:val="en-US"/>
                  <w:storeMappedDataAs w:val="dateTime"/>
                  <w:calendar w:val="gregorian"/>
                </w:date>
              </w:sdtPr>
              <w:sdtContent>
                <w:r w:rsidR="00226F4D">
                  <w:t>October 9, 2022</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9BB8B54" w:rsidR="009000CE" w:rsidRDefault="00147D6E" w:rsidP="00184AA9">
      <w:r>
        <w:t xml:space="preserve">There are five </w:t>
      </w:r>
      <w:r w:rsidR="00C33597">
        <w:t>analyses</w:t>
      </w:r>
      <w:r w:rsidR="004B4816">
        <w:t xml:space="preserve"> conducted in this report – Main Page, Distribution of Cases, Captured by Radar or Camera, Mobile Phone Usage and School Zones. </w:t>
      </w:r>
      <w:r w:rsidR="000D1810">
        <w:t>In Main Page, it was found that cases stayed below $500</w:t>
      </w:r>
      <w:r w:rsidR="00C33597">
        <w:t xml:space="preserve">, disobeyed the legislation ‘ROAD RULES 2014’ and </w:t>
      </w:r>
      <w:r w:rsidR="00401176">
        <w:t>offences committed tended to be minor</w:t>
      </w:r>
      <w:r w:rsidR="00C33597">
        <w:t>.</w:t>
      </w:r>
      <w:r w:rsidR="00401176">
        <w:t xml:space="preserve"> In Distribution of Cases, </w:t>
      </w:r>
      <w:r w:rsidR="00D67CDA">
        <w:t xml:space="preserve">speeding offence codes are the most prevalent, with a possible social acceptance for speeding 10km/h and under. </w:t>
      </w:r>
      <w:r w:rsidR="00E555E2">
        <w:t xml:space="preserve">In Captured by Radar or Camera, camera is the preferred and most popular capturing method of cases. </w:t>
      </w:r>
      <w:r w:rsidR="00FD740C">
        <w:t>In Mobile Phone Usage, cases tend to be low, due to the minimal mobile phone cameras surrounding NSW. In School Zones,</w:t>
      </w:r>
      <w:r w:rsidR="00432F81">
        <w:t xml:space="preserve"> offence codes, capture preferences and </w:t>
      </w:r>
      <w:r w:rsidR="002D73CC">
        <w:t xml:space="preserve">Each analysis utilised cases that spanned across a 12-month period, between 2015 to 2016. </w:t>
      </w:r>
    </w:p>
    <w:p w14:paraId="2602CD8B" w14:textId="77777777" w:rsidR="009000CE" w:rsidRDefault="00184AA9" w:rsidP="00184AA9">
      <w:pPr>
        <w:ind w:left="0"/>
      </w:pPr>
      <w:r>
        <w:br w:type="page"/>
      </w:r>
    </w:p>
    <w:p w14:paraId="0E5D9A73" w14:textId="77777777" w:rsidR="005F33D6" w:rsidRDefault="005F33D6" w:rsidP="005F33D6">
      <w:pPr>
        <w:pStyle w:val="Heading1"/>
      </w:pPr>
      <w:r>
        <w:lastRenderedPageBreak/>
        <w:t>Introduction</w:t>
      </w:r>
    </w:p>
    <w:p w14:paraId="2E9E7FA4" w14:textId="651332EC" w:rsidR="002D4235" w:rsidRPr="005F33D6" w:rsidRDefault="00507B9A" w:rsidP="005F33D6">
      <w:pPr>
        <w:rPr>
          <w:rStyle w:val="Heading1Char"/>
        </w:rPr>
      </w:pPr>
      <w:r>
        <w:t xml:space="preserve">The purpose of the Executive Summary is to </w:t>
      </w:r>
      <w:r w:rsidR="00B12385">
        <w:t>analyse traffic penalty data in NSW from January 1</w:t>
      </w:r>
      <w:r w:rsidR="00B12385" w:rsidRPr="00B12385">
        <w:rPr>
          <w:vertAlign w:val="superscript"/>
        </w:rPr>
        <w:t>st</w:t>
      </w:r>
      <w:r w:rsidR="00024A3C">
        <w:t xml:space="preserve"> 2015,</w:t>
      </w:r>
      <w:r w:rsidR="00B12385">
        <w:t xml:space="preserve"> to January 1</w:t>
      </w:r>
      <w:r w:rsidR="00B12385" w:rsidRPr="00B12385">
        <w:rPr>
          <w:vertAlign w:val="superscript"/>
        </w:rPr>
        <w:t>st</w:t>
      </w:r>
      <w:r w:rsidR="00B12385">
        <w:t xml:space="preserve"> 2016 (a 12 month period). </w:t>
      </w:r>
      <w:r w:rsidR="00DF3EFF">
        <w:t xml:space="preserve">The first analysis, Main Page, will </w:t>
      </w:r>
      <w:r w:rsidR="007947AE">
        <w:t xml:space="preserve">provide insight into common descriptions, </w:t>
      </w:r>
      <w:r w:rsidR="007947AE">
        <w:t>face value</w:t>
      </w:r>
      <w:r w:rsidR="00CB7A3A">
        <w:t>s</w:t>
      </w:r>
      <w:r w:rsidR="007947AE">
        <w:t xml:space="preserve"> (penalty amount for offence)</w:t>
      </w:r>
      <w:r w:rsidR="00CB7A3A">
        <w:t xml:space="preserve"> and legislation within the identified time frame</w:t>
      </w:r>
      <w:r w:rsidR="007947AE">
        <w:t>.</w:t>
      </w:r>
      <w:r w:rsidR="00CB7A3A">
        <w:t xml:space="preserve"> The second analysis, Distribution of Cases, will provide insight into </w:t>
      </w:r>
      <w:r w:rsidR="0041405F">
        <w:t>the frequency of offence code penalties</w:t>
      </w:r>
      <w:r w:rsidR="00E73391">
        <w:t xml:space="preserve"> and potential reasons for said frequency within the given time frame</w:t>
      </w:r>
      <w:r w:rsidR="00355438">
        <w:t xml:space="preserve">. </w:t>
      </w:r>
      <w:r w:rsidR="00F03EC6">
        <w:t xml:space="preserve">The third analysis, Captured by Radar or Camera, </w:t>
      </w:r>
      <w:r w:rsidR="00E7059A">
        <w:t>will compare radar and camera captured cases and potential reasons</w:t>
      </w:r>
      <w:r w:rsidR="00355438">
        <w:t xml:space="preserve"> for results</w:t>
      </w:r>
      <w:r w:rsidR="00E7059A">
        <w:t xml:space="preserve"> within the identified time frame</w:t>
      </w:r>
      <w:r w:rsidR="0041405F">
        <w:t xml:space="preserve">. The </w:t>
      </w:r>
      <w:r w:rsidR="00355438">
        <w:t>fourth</w:t>
      </w:r>
      <w:r w:rsidR="0041405F">
        <w:t xml:space="preserve"> analysis,</w:t>
      </w:r>
      <w:r w:rsidR="00355438">
        <w:t xml:space="preserve"> Mobile Phone Usage, reveals insight into mobile phone usage </w:t>
      </w:r>
      <w:r w:rsidR="00F03EC6">
        <w:t xml:space="preserve">cases for the given time frame. The final analysis, School Zone, compares </w:t>
      </w:r>
      <w:r w:rsidR="00C37D4D">
        <w:t xml:space="preserve">school zone cases to non-school zone cases, investigating </w:t>
      </w:r>
      <w:r w:rsidR="00EF26F7">
        <w:t>said results and reasons</w:t>
      </w:r>
      <w:r w:rsidR="00C37D4D">
        <w:t xml:space="preserve">, </w:t>
      </w:r>
      <w:r w:rsidR="00FC7FB7">
        <w:t>within the identified time frame.</w:t>
      </w:r>
      <w:r w:rsidR="0041405F">
        <w:t xml:space="preserve"> </w:t>
      </w:r>
      <w:r w:rsidR="00B12385">
        <w:t>By identifying trends, patterns</w:t>
      </w:r>
      <w:r w:rsidR="00024A3C">
        <w:t xml:space="preserve"> and anomalies</w:t>
      </w:r>
      <w:r w:rsidR="00EF26F7">
        <w:t xml:space="preserve"> of the NSW</w:t>
      </w:r>
      <w:r w:rsidR="00147D6E">
        <w:t xml:space="preserve"> traffic penalties</w:t>
      </w:r>
      <w:r w:rsidR="00024A3C">
        <w:t xml:space="preserve">, the </w:t>
      </w:r>
      <w:r w:rsidR="00024A3C">
        <w:t xml:space="preserve">government agency Transport for NSW (TfNSW) </w:t>
      </w:r>
      <w:r w:rsidR="00EE01D2">
        <w:t xml:space="preserve">can use each individual analysis to create safer roads for the NSW community. </w:t>
      </w:r>
      <w:r w:rsidR="002D4235">
        <w:rPr>
          <w:rStyle w:val="Heading1Char"/>
          <w:b w:val="0"/>
        </w:rPr>
        <w:br w:type="page"/>
      </w:r>
    </w:p>
    <w:p w14:paraId="2A18E72D" w14:textId="77777777" w:rsidR="0006175C" w:rsidRDefault="0006175C" w:rsidP="0006175C">
      <w:pPr>
        <w:pStyle w:val="Heading1"/>
        <w:rPr>
          <w:rStyle w:val="Heading1Char"/>
          <w:b/>
        </w:rPr>
      </w:pPr>
      <w:r>
        <w:rPr>
          <w:noProof/>
        </w:rPr>
        <w:lastRenderedPageBreak/>
        <mc:AlternateContent>
          <mc:Choice Requires="wps">
            <w:drawing>
              <wp:anchor distT="0" distB="0" distL="114300" distR="114300" simplePos="0" relativeHeight="251660288" behindDoc="0" locked="0" layoutInCell="1" allowOverlap="1" wp14:anchorId="31381F39" wp14:editId="511291BE">
                <wp:simplePos x="0" y="0"/>
                <wp:positionH relativeFrom="column">
                  <wp:posOffset>-19050</wp:posOffset>
                </wp:positionH>
                <wp:positionV relativeFrom="paragraph">
                  <wp:posOffset>1472565</wp:posOffset>
                </wp:positionV>
                <wp:extent cx="5943600" cy="635"/>
                <wp:effectExtent l="0" t="0" r="0" b="0"/>
                <wp:wrapTopAndBottom/>
                <wp:docPr id="1" name="Text Box 1"/>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38B568A8" w14:textId="1FBB0C67" w:rsidR="0006175C" w:rsidRPr="005B3FFC" w:rsidRDefault="0006175C" w:rsidP="0006175C">
                            <w:pPr>
                              <w:pStyle w:val="Caption"/>
                              <w:jc w:val="center"/>
                              <w:rPr>
                                <w:b/>
                                <w:noProof/>
                                <w:sz w:val="28"/>
                                <w:szCs w:val="28"/>
                              </w:rPr>
                            </w:pPr>
                            <w:r>
                              <w:t xml:space="preserve">Figure </w:t>
                            </w:r>
                            <w:fldSimple w:instr=" SEQ Figure \* ARABIC ">
                              <w:r w:rsidR="00676C08">
                                <w:rPr>
                                  <w:noProof/>
                                </w:rPr>
                                <w:t>1</w:t>
                              </w:r>
                            </w:fldSimple>
                            <w:r>
                              <w:t xml:space="preserve"> - Default Main Pag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31381F39" id="_x0000_t202" coordsize="21600,21600" o:spt="202" path="m,l,21600r21600,l21600,xe">
                <v:stroke joinstyle="miter"/>
                <v:path gradientshapeok="t" o:connecttype="rect"/>
              </v:shapetype>
              <v:shape id="Text Box 1" o:spid="_x0000_s1026" type="#_x0000_t202" style="position:absolute;margin-left:-1.5pt;margin-top:115.95pt;width:468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" stroked="f">
                <v:textbox style="mso-fit-shape-to-text:t" inset="0,0,0,0">
                  <w:txbxContent>
                    <w:p w14:paraId="38B568A8" w14:textId="1FBB0C67" w:rsidR="0006175C" w:rsidRPr="005B3FFC" w:rsidRDefault="0006175C" w:rsidP="0006175C">
                      <w:pPr>
                        <w:pStyle w:val="Caption"/>
                        <w:jc w:val="center"/>
                        <w:rPr>
                          <w:b/>
                          <w:noProof/>
                          <w:sz w:val="28"/>
                          <w:szCs w:val="28"/>
                        </w:rPr>
                      </w:pPr>
                      <w:r>
                        <w:t xml:space="preserve">Figure </w:t>
                      </w:r>
                      <w:fldSimple w:instr=" SEQ Figure \* ARABIC ">
                        <w:r w:rsidR="00676C08">
                          <w:rPr>
                            <w:noProof/>
                          </w:rPr>
                          <w:t>1</w:t>
                        </w:r>
                      </w:fldSimple>
                      <w:r>
                        <w:t xml:space="preserve"> - Default Main Page</w:t>
                      </w:r>
                    </w:p>
                  </w:txbxContent>
                </v:textbox>
                <w10:wrap type="topAndBottom"/>
              </v:shape>
            </w:pict>
          </mc:Fallback>
        </mc:AlternateContent>
      </w:r>
      <w:r>
        <w:rPr>
          <w:noProof/>
        </w:rPr>
        <w:drawing>
          <wp:anchor distT="0" distB="0" distL="114300" distR="114300" simplePos="0" relativeHeight="251659264" behindDoc="0" locked="0" layoutInCell="1" allowOverlap="1" wp14:anchorId="506DFD2A" wp14:editId="2696179D">
            <wp:simplePos x="0" y="0"/>
            <wp:positionH relativeFrom="margin">
              <wp:align>right</wp:align>
            </wp:positionH>
            <wp:positionV relativeFrom="paragraph">
              <wp:posOffset>316230</wp:posOffset>
            </wp:positionV>
            <wp:extent cx="5943600" cy="1099185"/>
            <wp:effectExtent l="19050" t="19050" r="19050" b="24765"/>
            <wp:wrapTopAndBottom/>
            <wp:docPr id="2" name="Picture 2" descr="Graphical user interface&#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Graphical user interface&#10;&#10;Description automatically generated with medium confidence"/>
                    <pic:cNvPicPr/>
                  </pic:nvPicPr>
                  <pic:blipFill>
                    <a:blip r:embed="rId8"/>
                    <a:stretch>
                      <a:fillRect/>
                    </a:stretch>
                  </pic:blipFill>
                  <pic:spPr>
                    <a:xfrm>
                      <a:off x="0" y="0"/>
                      <a:ext cx="5943600" cy="1099185"/>
                    </a:xfrm>
                    <a:prstGeom prst="rect">
                      <a:avLst/>
                    </a:prstGeom>
                    <a:ln>
                      <a:solidFill>
                        <a:schemeClr val="accent1"/>
                      </a:solidFill>
                    </a:ln>
                  </pic:spPr>
                </pic:pic>
              </a:graphicData>
            </a:graphic>
          </wp:anchor>
        </w:drawing>
      </w:r>
      <w:r>
        <w:rPr>
          <w:rStyle w:val="Heading1Char"/>
          <w:b/>
        </w:rPr>
        <w:t>Analysis 1 – Main Page</w:t>
      </w:r>
    </w:p>
    <w:p w14:paraId="15EE7261" w14:textId="59B98FE6" w:rsidR="00B53442" w:rsidRDefault="00E7555A" w:rsidP="00737018">
      <w:pPr>
        <w:ind w:left="0"/>
      </w:pPr>
      <w:r>
        <w:rPr>
          <w:noProof/>
        </w:rPr>
        <mc:AlternateContent>
          <mc:Choice Requires="wps">
            <w:drawing>
              <wp:anchor distT="0" distB="0" distL="114300" distR="114300" simplePos="0" relativeHeight="251662336" behindDoc="0" locked="0" layoutInCell="1" allowOverlap="1" wp14:anchorId="7DE22D3F" wp14:editId="023674C2">
                <wp:simplePos x="0" y="0"/>
                <wp:positionH relativeFrom="column">
                  <wp:posOffset>84667</wp:posOffset>
                </wp:positionH>
                <wp:positionV relativeFrom="paragraph">
                  <wp:posOffset>3773593</wp:posOffset>
                </wp:positionV>
                <wp:extent cx="5880100" cy="63289"/>
                <wp:effectExtent l="0" t="0" r="25400" b="13335"/>
                <wp:wrapNone/>
                <wp:docPr id="4" name="Rectangle 4"/>
                <wp:cNvGraphicFramePr/>
                <a:graphic xmlns:a="http://schemas.openxmlformats.org/drawingml/2006/main">
                  <a:graphicData uri="http://schemas.microsoft.com/office/word/2010/wordprocessingShape">
                    <wps:wsp>
                      <wps:cNvSpPr/>
                      <wps:spPr>
                        <a:xfrm>
                          <a:off x="0" y="0"/>
                          <a:ext cx="5880100" cy="63289"/>
                        </a:xfrm>
                        <a:prstGeom prst="rect">
                          <a:avLst/>
                        </a:prstGeom>
                        <a:noFill/>
                        <a:ln>
                          <a:solidFill>
                            <a:srgbClr val="FFFF00"/>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7C3B61" id="Rectangle 4" o:spid="_x0000_s1026" style="position:absolute;margin-left:6.65pt;margin-top:297.15pt;width:463pt;height: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" filled="f" strokecolor="yellow" strokeweight="1pt"/>
            </w:pict>
          </mc:Fallback>
        </mc:AlternateContent>
      </w:r>
      <w:r w:rsidR="00B53442" w:rsidRPr="00350015">
        <w:rPr>
          <w:noProof/>
        </w:rPr>
        <w:drawing>
          <wp:anchor distT="0" distB="0" distL="114300" distR="114300" simplePos="0" relativeHeight="251661312" behindDoc="0" locked="0" layoutInCell="1" allowOverlap="1" wp14:anchorId="39A629AB" wp14:editId="54BC4772">
            <wp:simplePos x="0" y="0"/>
            <wp:positionH relativeFrom="column">
              <wp:posOffset>60960</wp:posOffset>
            </wp:positionH>
            <wp:positionV relativeFrom="paragraph">
              <wp:posOffset>2481580</wp:posOffset>
            </wp:positionV>
            <wp:extent cx="5943600" cy="3067685"/>
            <wp:effectExtent l="19050" t="19050" r="19050" b="18415"/>
            <wp:wrapTopAndBottom/>
            <wp:docPr id="3" name="Picture 3" descr="Graphical user interface, 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table&#10;&#10;Description automatically generated"/>
                    <pic:cNvPicPr/>
                  </pic:nvPicPr>
                  <pic:blipFill>
                    <a:blip r:embed="rId9"/>
                    <a:stretch>
                      <a:fillRect/>
                    </a:stretch>
                  </pic:blipFill>
                  <pic:spPr>
                    <a:xfrm>
                      <a:off x="0" y="0"/>
                      <a:ext cx="5943600" cy="3067685"/>
                    </a:xfrm>
                    <a:prstGeom prst="rect">
                      <a:avLst/>
                    </a:prstGeom>
                    <a:ln>
                      <a:solidFill>
                        <a:schemeClr val="accent1"/>
                      </a:solidFill>
                    </a:ln>
                  </pic:spPr>
                </pic:pic>
              </a:graphicData>
            </a:graphic>
          </wp:anchor>
        </w:drawing>
      </w:r>
      <w:r w:rsidR="0006175C">
        <w:t xml:space="preserve">Each individual case has an offence year, offence month, offence code, offence description, associated legislation, associated clause (from legislation), </w:t>
      </w:r>
      <w:r w:rsidR="007947AE">
        <w:t xml:space="preserve">face value </w:t>
      </w:r>
      <w:r w:rsidR="0006175C">
        <w:t xml:space="preserve">and whether it was identified on camera. </w:t>
      </w:r>
      <w:r w:rsidR="0014373F">
        <w:t xml:space="preserve">Figure 1 displays the default cases shown to the user, when preferences have not been identified. </w:t>
      </w:r>
    </w:p>
    <w:p w14:paraId="7DE47FEA" w14:textId="2560D7A4" w:rsidR="00350015" w:rsidRDefault="00B53442" w:rsidP="00B53442">
      <w:pPr>
        <w:pStyle w:val="Caption"/>
        <w:jc w:val="center"/>
      </w:pPr>
      <w:r>
        <w:t xml:space="preserve">Figure </w:t>
      </w:r>
      <w:fldSimple w:instr=" SEQ Figure \* ARABIC ">
        <w:r w:rsidR="00676C08">
          <w:rPr>
            <w:noProof/>
          </w:rPr>
          <w:t>2</w:t>
        </w:r>
      </w:fldSimple>
      <w:r>
        <w:t xml:space="preserve"> - Preferences Selected for Main Page</w:t>
      </w:r>
    </w:p>
    <w:p w14:paraId="00BFCB9A" w14:textId="0B135BDD" w:rsidR="0006175C" w:rsidRPr="00FD6924" w:rsidRDefault="00737018" w:rsidP="00661BFE">
      <w:pPr>
        <w:ind w:left="0"/>
      </w:pPr>
      <w:r>
        <w:t>Figure 2 displays a sample of the cases</w:t>
      </w:r>
      <w:r w:rsidR="006D2B32">
        <w:t xml:space="preserve"> that occurred between </w:t>
      </w:r>
      <w:r>
        <w:t>the 1</w:t>
      </w:r>
      <w:r w:rsidRPr="001E4C41">
        <w:rPr>
          <w:vertAlign w:val="superscript"/>
        </w:rPr>
        <w:t>st</w:t>
      </w:r>
      <w:r>
        <w:t xml:space="preserve"> of January 2015 to the 1</w:t>
      </w:r>
      <w:r w:rsidRPr="001E4C41">
        <w:rPr>
          <w:vertAlign w:val="superscript"/>
        </w:rPr>
        <w:t>st</w:t>
      </w:r>
      <w:r>
        <w:t xml:space="preserve"> of </w:t>
      </w:r>
      <w:r w:rsidR="00B1203B">
        <w:t>January</w:t>
      </w:r>
      <w:r>
        <w:t xml:space="preserve"> 2016.  </w:t>
      </w:r>
      <w:r w:rsidR="00CE00DD">
        <w:t>Cases between the chosen dates</w:t>
      </w:r>
      <w:r w:rsidR="00307D60">
        <w:t xml:space="preserve"> occurred outside of a school zone. </w:t>
      </w:r>
      <w:r w:rsidR="00BA303B">
        <w:t xml:space="preserve">‘ROAD RULES 2014’ is </w:t>
      </w:r>
      <w:r w:rsidR="009E15E1">
        <w:t>more frequent than other</w:t>
      </w:r>
      <w:r w:rsidR="00BA303B">
        <w:t xml:space="preserve"> legislation</w:t>
      </w:r>
      <w:r w:rsidR="009E15E1">
        <w:t xml:space="preserve">s </w:t>
      </w:r>
      <w:r w:rsidR="00BA303B">
        <w:t xml:space="preserve">associated </w:t>
      </w:r>
      <w:r w:rsidR="009E15E1">
        <w:t xml:space="preserve">to this </w:t>
      </w:r>
      <w:r w:rsidR="00290F77">
        <w:t>period</w:t>
      </w:r>
      <w:r w:rsidR="009E15E1">
        <w:t>.</w:t>
      </w:r>
      <w:r w:rsidR="00290F77">
        <w:t xml:space="preserve"> </w:t>
      </w:r>
      <w:r w:rsidR="00022A0C">
        <w:t>Most cas</w:t>
      </w:r>
      <w:r w:rsidR="00D91E50">
        <w:t xml:space="preserve">es were captured by </w:t>
      </w:r>
      <w:r w:rsidR="00ED5FFD">
        <w:t>radar</w:t>
      </w:r>
      <w:r w:rsidR="008242BA">
        <w:t xml:space="preserve">, and </w:t>
      </w:r>
      <w:r w:rsidR="003D542A">
        <w:t>cases tend to be minor traffic offences (</w:t>
      </w:r>
      <w:r w:rsidR="00661BFE">
        <w:t>e.g.,</w:t>
      </w:r>
      <w:r w:rsidR="003D542A">
        <w:t xml:space="preserve"> </w:t>
      </w:r>
      <w:r w:rsidR="006F5885">
        <w:t xml:space="preserve">disobeying signs, such as stopping at a red </w:t>
      </w:r>
      <w:r w:rsidR="006F5885">
        <w:lastRenderedPageBreak/>
        <w:t xml:space="preserve">light or </w:t>
      </w:r>
      <w:r w:rsidR="00A3214E">
        <w:t xml:space="preserve">no parking). </w:t>
      </w:r>
      <w:r w:rsidR="0098770F">
        <w:t>Besides the occasional o</w:t>
      </w:r>
      <w:r w:rsidR="00A3214E">
        <w:t xml:space="preserve">utliers, </w:t>
      </w:r>
      <w:r w:rsidR="00E7555A">
        <w:t xml:space="preserve">as </w:t>
      </w:r>
      <w:r w:rsidR="00A53340">
        <w:t xml:space="preserve">highlighted in Figure 2, </w:t>
      </w:r>
      <w:r w:rsidR="00F90FAF">
        <w:t xml:space="preserve">face value stayed below the $500 range. </w:t>
      </w:r>
    </w:p>
    <w:p w14:paraId="35300E5A" w14:textId="71973C00" w:rsidR="00BD5F04" w:rsidRDefault="00BD5F04" w:rsidP="00BD5F04">
      <w:pPr>
        <w:pStyle w:val="Heading1"/>
        <w:rPr>
          <w:rStyle w:val="Heading1Char"/>
          <w:b/>
        </w:rPr>
      </w:pPr>
      <w:r>
        <w:rPr>
          <w:noProof/>
        </w:rPr>
        <mc:AlternateContent>
          <mc:Choice Requires="wps">
            <w:drawing>
              <wp:anchor distT="0" distB="0" distL="114300" distR="114300" simplePos="0" relativeHeight="251665408" behindDoc="0" locked="0" layoutInCell="1" allowOverlap="1" wp14:anchorId="47E54CFE" wp14:editId="69656316">
                <wp:simplePos x="0" y="0"/>
                <wp:positionH relativeFrom="column">
                  <wp:posOffset>19050</wp:posOffset>
                </wp:positionH>
                <wp:positionV relativeFrom="paragraph">
                  <wp:posOffset>2470150</wp:posOffset>
                </wp:positionV>
                <wp:extent cx="5943600" cy="271145"/>
                <wp:effectExtent l="0" t="0" r="0" b="5715"/>
                <wp:wrapSquare wrapText="bothSides"/>
                <wp:docPr id="6" name="Text Box 6"/>
                <wp:cNvGraphicFramePr/>
                <a:graphic xmlns:a="http://schemas.openxmlformats.org/drawingml/2006/main">
                  <a:graphicData uri="http://schemas.microsoft.com/office/word/2010/wordprocessingShape">
                    <wps:wsp>
                      <wps:cNvSpPr txBox="1"/>
                      <wps:spPr>
                        <a:xfrm>
                          <a:off x="0" y="0"/>
                          <a:ext cx="5943600" cy="260985"/>
                        </a:xfrm>
                        <a:prstGeom prst="rect">
                          <a:avLst/>
                        </a:prstGeom>
                        <a:solidFill>
                          <a:prstClr val="white"/>
                        </a:solidFill>
                        <a:ln>
                          <a:noFill/>
                        </a:ln>
                      </wps:spPr>
                      <wps:txbx>
                        <w:txbxContent>
                          <w:p w14:paraId="7D00663A" w14:textId="6FD3BA6D" w:rsidR="00BD5F04" w:rsidRDefault="00BD5F04" w:rsidP="00BD5F04">
                            <w:pPr>
                              <w:pStyle w:val="Caption"/>
                              <w:jc w:val="center"/>
                              <w:rPr>
                                <w:b/>
                                <w:sz w:val="28"/>
                                <w:szCs w:val="28"/>
                              </w:rPr>
                            </w:pPr>
                            <w:r>
                              <w:t xml:space="preserve">Figure </w:t>
                            </w:r>
                            <w:fldSimple w:instr=" SEQ Figure \* ARABIC ">
                              <w:r w:rsidR="00676C08">
                                <w:rPr>
                                  <w:noProof/>
                                </w:rPr>
                                <w:t>3</w:t>
                              </w:r>
                            </w:fldSimple>
                            <w:r>
                              <w:t xml:space="preserve"> – Preferences Selected for Offence Codes</w:t>
                            </w:r>
                          </w:p>
                        </w:txbxContent>
                      </wps:txbx>
                      <wps:bodyPr rot="0" spcFirstLastPara="0" vertOverflow="clip" horzOverflow="clip" vert="horz" wrap="square" lIns="0" tIns="0" rIns="0" bIns="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 w14:anchorId="47E54CFE" id="Text Box 6" o:spid="_x0000_s1027" type="#_x0000_t202" style="position:absolute;margin-left:1.5pt;margin-top:194.5pt;width:468pt;height:21.3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" stroked="f">
                <v:textbox style="mso-fit-shape-to-text:t" inset="0,0,0,0">
                  <w:txbxContent>
                    <w:p w14:paraId="7D00663A" w14:textId="6FD3BA6D" w:rsidR="00BD5F04" w:rsidRDefault="00BD5F04" w:rsidP="00BD5F04">
                      <w:pPr>
                        <w:pStyle w:val="Caption"/>
                        <w:jc w:val="center"/>
                        <w:rPr>
                          <w:b/>
                          <w:sz w:val="28"/>
                          <w:szCs w:val="28"/>
                        </w:rPr>
                      </w:pPr>
                      <w:r>
                        <w:t xml:space="preserve">Figure </w:t>
                      </w:r>
                      <w:fldSimple w:instr=" SEQ Figure \* ARABIC ">
                        <w:r w:rsidR="00676C08">
                          <w:rPr>
                            <w:noProof/>
                          </w:rPr>
                          <w:t>3</w:t>
                        </w:r>
                      </w:fldSimple>
                      <w:r>
                        <w:t xml:space="preserve"> – Preferences Selected for Offence Codes</w:t>
                      </w:r>
                    </w:p>
                  </w:txbxContent>
                </v:textbox>
                <w10:wrap type="square"/>
              </v:shape>
            </w:pict>
          </mc:Fallback>
        </mc:AlternateContent>
      </w:r>
      <w:r>
        <w:rPr>
          <w:noProof/>
        </w:rPr>
        <w:drawing>
          <wp:anchor distT="0" distB="0" distL="114300" distR="114300" simplePos="0" relativeHeight="251664384" behindDoc="0" locked="0" layoutInCell="1" allowOverlap="1" wp14:anchorId="42C79087" wp14:editId="3AA7C3D9">
            <wp:simplePos x="0" y="0"/>
            <wp:positionH relativeFrom="margin">
              <wp:align>left</wp:align>
            </wp:positionH>
            <wp:positionV relativeFrom="paragraph">
              <wp:posOffset>324485</wp:posOffset>
            </wp:positionV>
            <wp:extent cx="5943600" cy="2088515"/>
            <wp:effectExtent l="19050" t="19050" r="19050" b="26035"/>
            <wp:wrapSquare wrapText="bothSides"/>
            <wp:docPr id="5" name="Picture 5" descr="Chart,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rt, pie chart&#10;&#10;Description automatically generated"/>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2088515"/>
                    </a:xfrm>
                    <a:prstGeom prst="rect">
                      <a:avLst/>
                    </a:prstGeom>
                    <a:noFill/>
                    <a:ln w="9525">
                      <a:solidFill>
                        <a:schemeClr val="accent1">
                          <a:lumMod val="100000"/>
                          <a:lumOff val="0"/>
                        </a:schemeClr>
                      </a:solidFill>
                      <a:miter lim="800000"/>
                      <a:headEnd/>
                      <a:tailEnd/>
                    </a:ln>
                  </pic:spPr>
                </pic:pic>
              </a:graphicData>
            </a:graphic>
            <wp14:sizeRelH relativeFrom="page">
              <wp14:pctWidth>0</wp14:pctWidth>
            </wp14:sizeRelH>
            <wp14:sizeRelV relativeFrom="page">
              <wp14:pctHeight>0</wp14:pctHeight>
            </wp14:sizeRelV>
          </wp:anchor>
        </w:drawing>
      </w:r>
      <w:r>
        <w:rPr>
          <w:rStyle w:val="Heading1Char"/>
        </w:rPr>
        <w:t>Analysis 2 – Distribution of Cases (Offence Code)</w:t>
      </w:r>
    </w:p>
    <w:p w14:paraId="0FA367AB" w14:textId="4EEFFC45" w:rsidR="00BD5F04" w:rsidRDefault="00BD5F04" w:rsidP="00BD5F04">
      <w:pPr>
        <w:ind w:left="0"/>
      </w:pPr>
      <w:r>
        <w:t>Figure 3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outside of a school zone. Majority of the offence codes refer to speeding, which seems to be a prevalent issue in NSW. Each offence was recorded by camera. Each offence was committed individually, meaning the traffic offender was alone in the car when committing the crime. The most frequent offence code found across these set of cases was the ‘Motor vehicle exceed speed limit – 10km/h and under – Camera recorded – Individual’. The second most frequent offence code had a similar description, but is over the 10km/h threshold, whereas the third most frequent is over the 20km/h threshold. This may indicate that it is more socially acceptable to speed 10km/h under compared to the set speed limit. It is important for the TfNSW to consider this analysis when implementing road rules, especially in terms of lowering speed offences across the state.</w:t>
      </w:r>
    </w:p>
    <w:p w14:paraId="37DCF268" w14:textId="77777777" w:rsidR="00447511" w:rsidRDefault="00447511" w:rsidP="00BD5F04">
      <w:pPr>
        <w:ind w:left="0"/>
      </w:pPr>
    </w:p>
    <w:p w14:paraId="6A2A39C5" w14:textId="3C315BA0" w:rsidR="0006175C" w:rsidRDefault="000C5455" w:rsidP="0006175C">
      <w:pPr>
        <w:pStyle w:val="Heading1"/>
        <w:rPr>
          <w:rStyle w:val="Heading1Char"/>
          <w:b/>
        </w:rPr>
      </w:pPr>
      <w:r>
        <w:rPr>
          <w:noProof/>
        </w:rPr>
        <w:lastRenderedPageBreak/>
        <mc:AlternateContent>
          <mc:Choice Requires="wps">
            <w:drawing>
              <wp:anchor distT="0" distB="0" distL="114300" distR="114300" simplePos="0" relativeHeight="251668480" behindDoc="0" locked="0" layoutInCell="1" allowOverlap="1" wp14:anchorId="6DBB1364" wp14:editId="5BF33C9D">
                <wp:simplePos x="0" y="0"/>
                <wp:positionH relativeFrom="column">
                  <wp:posOffset>-19050</wp:posOffset>
                </wp:positionH>
                <wp:positionV relativeFrom="paragraph">
                  <wp:posOffset>3418205</wp:posOffset>
                </wp:positionV>
                <wp:extent cx="5943600" cy="635"/>
                <wp:effectExtent l="0" t="0" r="0" b="0"/>
                <wp:wrapSquare wrapText="bothSides"/>
                <wp:docPr id="8" name="Text Box 8"/>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185A2173" w14:textId="14C4377E" w:rsidR="000C5455" w:rsidRPr="00053DB1" w:rsidRDefault="000C5455" w:rsidP="000C5455">
                            <w:pPr>
                              <w:pStyle w:val="Caption"/>
                              <w:jc w:val="center"/>
                              <w:rPr>
                                <w:b/>
                                <w:noProof/>
                                <w:sz w:val="28"/>
                                <w:szCs w:val="28"/>
                              </w:rPr>
                            </w:pPr>
                            <w:r>
                              <w:t xml:space="preserve">Figure </w:t>
                            </w:r>
                            <w:fldSimple w:instr=" SEQ Figure \* ARABIC ">
                              <w:r w:rsidR="00676C08">
                                <w:rPr>
                                  <w:noProof/>
                                </w:rPr>
                                <w:t>4</w:t>
                              </w:r>
                            </w:fldSimple>
                            <w:r>
                              <w:t xml:space="preserve"> - Preferences Selected for Radar and Camera</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DBB1364" id="Text Box 8" o:spid="_x0000_s1028" type="#_x0000_t202" style="position:absolute;margin-left:-1.5pt;margin-top:269.15pt;width:468pt;height:.05pt;z-index:25166848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" stroked="f">
                <v:textbox style="mso-fit-shape-to-text:t" inset="0,0,0,0">
                  <w:txbxContent>
                    <w:p w14:paraId="185A2173" w14:textId="14C4377E" w:rsidR="000C5455" w:rsidRPr="00053DB1" w:rsidRDefault="000C5455" w:rsidP="000C5455">
                      <w:pPr>
                        <w:pStyle w:val="Caption"/>
                        <w:jc w:val="center"/>
                        <w:rPr>
                          <w:b/>
                          <w:noProof/>
                          <w:sz w:val="28"/>
                          <w:szCs w:val="28"/>
                        </w:rPr>
                      </w:pPr>
                      <w:r>
                        <w:t xml:space="preserve">Figure </w:t>
                      </w:r>
                      <w:fldSimple w:instr=" SEQ Figure \* ARABIC ">
                        <w:r w:rsidR="00676C08">
                          <w:rPr>
                            <w:noProof/>
                          </w:rPr>
                          <w:t>4</w:t>
                        </w:r>
                      </w:fldSimple>
                      <w:r>
                        <w:t xml:space="preserve"> - Preferences Selected for Radar and Camera</w:t>
                      </w:r>
                    </w:p>
                  </w:txbxContent>
                </v:textbox>
                <w10:wrap type="square"/>
              </v:shape>
            </w:pict>
          </mc:Fallback>
        </mc:AlternateContent>
      </w:r>
      <w:r w:rsidR="00447511">
        <w:rPr>
          <w:noProof/>
        </w:rPr>
        <w:drawing>
          <wp:anchor distT="0" distB="0" distL="114300" distR="114300" simplePos="0" relativeHeight="251666432" behindDoc="0" locked="0" layoutInCell="1" allowOverlap="1" wp14:anchorId="6A6D7850" wp14:editId="04276290">
            <wp:simplePos x="0" y="0"/>
            <wp:positionH relativeFrom="margin">
              <wp:align>right</wp:align>
            </wp:positionH>
            <wp:positionV relativeFrom="paragraph">
              <wp:posOffset>274320</wp:posOffset>
            </wp:positionV>
            <wp:extent cx="5943600" cy="3086735"/>
            <wp:effectExtent l="19050" t="19050" r="19050" b="18415"/>
            <wp:wrapSquare wrapText="bothSides"/>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a:blip r:embed="rId11"/>
                    <a:stretch>
                      <a:fillRect/>
                    </a:stretch>
                  </pic:blipFill>
                  <pic:spPr>
                    <a:xfrm>
                      <a:off x="0" y="0"/>
                      <a:ext cx="5943600" cy="3086735"/>
                    </a:xfrm>
                    <a:prstGeom prst="rect">
                      <a:avLst/>
                    </a:prstGeom>
                    <a:ln>
                      <a:solidFill>
                        <a:schemeClr val="accent1"/>
                      </a:solidFill>
                    </a:ln>
                  </pic:spPr>
                </pic:pic>
              </a:graphicData>
            </a:graphic>
          </wp:anchor>
        </w:drawing>
      </w:r>
      <w:r w:rsidR="0006175C">
        <w:rPr>
          <w:rStyle w:val="Heading1Char"/>
          <w:b/>
        </w:rPr>
        <w:t>Analysis 3 – Captured by Radar or Camera</w:t>
      </w:r>
    </w:p>
    <w:p w14:paraId="7EDF070C" w14:textId="4BDBBFCA" w:rsidR="00B22FEA" w:rsidRDefault="00FE4738" w:rsidP="00B22FEA">
      <w:pPr>
        <w:ind w:left="0"/>
      </w:pPr>
      <w:r>
        <w:t>Figure 4 displays cases that occurred between the 1</w:t>
      </w:r>
      <w:r>
        <w:rPr>
          <w:vertAlign w:val="superscript"/>
        </w:rPr>
        <w:t>st</w:t>
      </w:r>
      <w:r>
        <w:t xml:space="preserve"> of January 2015 to the 1</w:t>
      </w:r>
      <w:r>
        <w:rPr>
          <w:vertAlign w:val="superscript"/>
        </w:rPr>
        <w:t>st</w:t>
      </w:r>
      <w:r>
        <w:t xml:space="preserve"> of January 2016.  </w:t>
      </w:r>
      <w:r w:rsidR="00585EFC">
        <w:t xml:space="preserve">Cases between the chosen dates occurred outside of a school zone. </w:t>
      </w:r>
      <w:r w:rsidR="00DC554D">
        <w:t>Radar is often used by police or law enforcement to monitor vehicle speeds and are highly accurate when detecting objects. However, cameras operate automatically, can read precise shape of an object as well as automatically detect and issue traffic violations.</w:t>
      </w:r>
      <w:r w:rsidR="00585EFC">
        <w:t xml:space="preserve"> </w:t>
      </w:r>
      <w:r w:rsidR="0075020D">
        <w:t xml:space="preserve">Therefore, the data in Figure 4 </w:t>
      </w:r>
      <w:r w:rsidR="00B22FEA">
        <w:t xml:space="preserve">is reasonable, as the number of cases captured on camera compared to radar is astronomically larger. </w:t>
      </w:r>
      <w:r w:rsidR="001F5A37">
        <w:t xml:space="preserve">Whether offences were captured by radar or camera, cases increased </w:t>
      </w:r>
      <w:r w:rsidR="00EE5CBB">
        <w:t>in the months July to December</w:t>
      </w:r>
      <w:r w:rsidR="00CC31FD">
        <w:t xml:space="preserve">, compared to the beginning of 2015. </w:t>
      </w:r>
      <w:r w:rsidR="00B22FEA">
        <w:t xml:space="preserve">It is important for the TfNSW to consider this analysis when implementing road rules, especially in terms </w:t>
      </w:r>
      <w:r w:rsidR="00462049">
        <w:t xml:space="preserve">of choosing between radar or camera. </w:t>
      </w:r>
    </w:p>
    <w:p w14:paraId="2F5CDFFF" w14:textId="4D1E4DF8" w:rsidR="00447511" w:rsidRPr="00447511" w:rsidRDefault="00447511" w:rsidP="00447511">
      <w:pPr>
        <w:ind w:left="0"/>
      </w:pPr>
    </w:p>
    <w:p w14:paraId="433CB6C1" w14:textId="77777777" w:rsidR="00447511" w:rsidRPr="00447511" w:rsidRDefault="00447511" w:rsidP="00447511"/>
    <w:p w14:paraId="70F72051" w14:textId="2AE950CB" w:rsidR="0006175C" w:rsidRDefault="00B06C14" w:rsidP="0006175C">
      <w:pPr>
        <w:pStyle w:val="Heading1"/>
        <w:rPr>
          <w:rStyle w:val="Heading1Char"/>
          <w:b/>
        </w:rPr>
      </w:pPr>
      <w:r>
        <w:rPr>
          <w:noProof/>
        </w:rPr>
        <w:lastRenderedPageBreak/>
        <mc:AlternateContent>
          <mc:Choice Requires="wps">
            <w:drawing>
              <wp:anchor distT="0" distB="0" distL="114300" distR="114300" simplePos="0" relativeHeight="251671552" behindDoc="0" locked="0" layoutInCell="1" allowOverlap="1" wp14:anchorId="53CD3CA2" wp14:editId="16EE6249">
                <wp:simplePos x="0" y="0"/>
                <wp:positionH relativeFrom="column">
                  <wp:posOffset>-19050</wp:posOffset>
                </wp:positionH>
                <wp:positionV relativeFrom="paragraph">
                  <wp:posOffset>3932555</wp:posOffset>
                </wp:positionV>
                <wp:extent cx="5943600" cy="635"/>
                <wp:effectExtent l="0" t="0" r="0" b="0"/>
                <wp:wrapSquare wrapText="bothSides"/>
                <wp:docPr id="10" name="Text Box 10"/>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7912E1DC" w14:textId="7225DEAC" w:rsidR="00B06C14" w:rsidRPr="00C50965" w:rsidRDefault="00B06C14" w:rsidP="00B06C14">
                            <w:pPr>
                              <w:pStyle w:val="Caption"/>
                              <w:jc w:val="center"/>
                              <w:rPr>
                                <w:b/>
                                <w:noProof/>
                                <w:sz w:val="28"/>
                                <w:szCs w:val="28"/>
                              </w:rPr>
                            </w:pPr>
                            <w:r>
                              <w:t xml:space="preserve">Figure </w:t>
                            </w:r>
                            <w:fldSimple w:instr=" SEQ Figure \* ARABIC ">
                              <w:r w:rsidR="00676C08">
                                <w:rPr>
                                  <w:noProof/>
                                </w:rPr>
                                <w:t>5</w:t>
                              </w:r>
                            </w:fldSimple>
                            <w:r>
                              <w:t xml:space="preserve"> - Preferences Selected for Mobile Phone Usag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3CD3CA2" id="Text Box 10" o:spid="_x0000_s1029" type="#_x0000_t202" style="position:absolute;margin-left:-1.5pt;margin-top:309.65pt;width:468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" stroked="f">
                <v:textbox style="mso-fit-shape-to-text:t" inset="0,0,0,0">
                  <w:txbxContent>
                    <w:p w14:paraId="7912E1DC" w14:textId="7225DEAC" w:rsidR="00B06C14" w:rsidRPr="00C50965" w:rsidRDefault="00B06C14" w:rsidP="00B06C14">
                      <w:pPr>
                        <w:pStyle w:val="Caption"/>
                        <w:jc w:val="center"/>
                        <w:rPr>
                          <w:b/>
                          <w:noProof/>
                          <w:sz w:val="28"/>
                          <w:szCs w:val="28"/>
                        </w:rPr>
                      </w:pPr>
                      <w:r>
                        <w:t xml:space="preserve">Figure </w:t>
                      </w:r>
                      <w:fldSimple w:instr=" SEQ Figure \* ARABIC ">
                        <w:r w:rsidR="00676C08">
                          <w:rPr>
                            <w:noProof/>
                          </w:rPr>
                          <w:t>5</w:t>
                        </w:r>
                      </w:fldSimple>
                      <w:r>
                        <w:t xml:space="preserve"> - Preferences Selected for Mobile Phone Usage</w:t>
                      </w:r>
                    </w:p>
                  </w:txbxContent>
                </v:textbox>
                <w10:wrap type="square"/>
              </v:shape>
            </w:pict>
          </mc:Fallback>
        </mc:AlternateContent>
      </w:r>
      <w:r>
        <w:rPr>
          <w:noProof/>
        </w:rPr>
        <w:drawing>
          <wp:anchor distT="0" distB="0" distL="114300" distR="114300" simplePos="0" relativeHeight="251669504" behindDoc="0" locked="0" layoutInCell="1" allowOverlap="1" wp14:anchorId="7E779615" wp14:editId="72E755A1">
            <wp:simplePos x="0" y="0"/>
            <wp:positionH relativeFrom="margin">
              <wp:align>right</wp:align>
            </wp:positionH>
            <wp:positionV relativeFrom="paragraph">
              <wp:posOffset>323215</wp:posOffset>
            </wp:positionV>
            <wp:extent cx="5943600" cy="3552190"/>
            <wp:effectExtent l="19050" t="19050" r="19050" b="10160"/>
            <wp:wrapSquare wrapText="bothSides"/>
            <wp:docPr id="9" name="Picture 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Chart, bar chart&#10;&#10;Description automatically generated"/>
                    <pic:cNvPicPr/>
                  </pic:nvPicPr>
                  <pic:blipFill>
                    <a:blip r:embed="rId12"/>
                    <a:stretch>
                      <a:fillRect/>
                    </a:stretch>
                  </pic:blipFill>
                  <pic:spPr>
                    <a:xfrm>
                      <a:off x="0" y="0"/>
                      <a:ext cx="5943600" cy="3552190"/>
                    </a:xfrm>
                    <a:prstGeom prst="rect">
                      <a:avLst/>
                    </a:prstGeom>
                    <a:ln>
                      <a:solidFill>
                        <a:schemeClr val="accent1"/>
                      </a:solidFill>
                    </a:ln>
                  </pic:spPr>
                </pic:pic>
              </a:graphicData>
            </a:graphic>
          </wp:anchor>
        </w:drawing>
      </w:r>
      <w:r w:rsidR="0006175C">
        <w:rPr>
          <w:rStyle w:val="Heading1Char"/>
          <w:b/>
        </w:rPr>
        <w:t xml:space="preserve">Analysis 4 – Mobile Phone Usage </w:t>
      </w:r>
    </w:p>
    <w:p w14:paraId="54EF450D" w14:textId="7013CFBE" w:rsidR="00B06C14" w:rsidRDefault="00B06C14" w:rsidP="00B06C14">
      <w:pPr>
        <w:ind w:left="0"/>
      </w:pPr>
      <w:r>
        <w:t>Figure 4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outside of a school zone.</w:t>
      </w:r>
      <w:r w:rsidR="00B11D01">
        <w:t xml:space="preserve"> </w:t>
      </w:r>
      <w:r w:rsidR="00DB728E">
        <w:t>Other than outliers, such as February, July an</w:t>
      </w:r>
      <w:r w:rsidR="00852077">
        <w:t xml:space="preserve">d September, cases involving mobile phones occur three times per month. </w:t>
      </w:r>
      <w:r w:rsidR="00DD0EBC">
        <w:t>This may see</w:t>
      </w:r>
      <w:r w:rsidR="00644A1D">
        <w:t xml:space="preserve">m </w:t>
      </w:r>
      <w:r w:rsidR="0072609E">
        <w:t>low;</w:t>
      </w:r>
      <w:r w:rsidR="00644A1D">
        <w:t xml:space="preserve"> however, mobile phone cameras are limited in NSW. </w:t>
      </w:r>
      <w:r w:rsidR="00C664E1">
        <w:t>In the 21</w:t>
      </w:r>
      <w:r w:rsidR="00C664E1" w:rsidRPr="003B47AA">
        <w:rPr>
          <w:vertAlign w:val="superscript"/>
        </w:rPr>
        <w:t>st</w:t>
      </w:r>
      <w:r w:rsidR="00C664E1">
        <w:t xml:space="preserve"> century, mobile phones are considered an extension of self. </w:t>
      </w:r>
      <w:r w:rsidR="00644A1D">
        <w:t>As part of the 2026 Road Safety Action Plan, TfNSW plan to implement 45 new mobile detection cameras</w:t>
      </w:r>
      <w:r w:rsidR="00C664E1">
        <w:t>, which should increase the detecting of mobile usage offences.</w:t>
      </w:r>
      <w:r w:rsidR="00E561D1">
        <w:t xml:space="preserve"> </w:t>
      </w:r>
      <w:r w:rsidR="00030422">
        <w:t xml:space="preserve">Despite the low </w:t>
      </w:r>
      <w:r w:rsidR="00DF4551">
        <w:t>number</w:t>
      </w:r>
      <w:r w:rsidR="00030422">
        <w:t xml:space="preserve"> of c</w:t>
      </w:r>
      <w:r w:rsidR="00676C08">
        <w:t>ases</w:t>
      </w:r>
      <w:r w:rsidR="00030422">
        <w:t xml:space="preserve"> associated with mobile phone usage, the</w:t>
      </w:r>
      <w:r w:rsidR="00DF4551">
        <w:t xml:space="preserve"> TfNSW should still be wary of phone usage on NSW roads.</w:t>
      </w:r>
    </w:p>
    <w:p w14:paraId="58742D76" w14:textId="77777777" w:rsidR="00DF4551" w:rsidRDefault="00DF4551" w:rsidP="00B06C14">
      <w:pPr>
        <w:ind w:left="0"/>
      </w:pPr>
    </w:p>
    <w:p w14:paraId="5EDC857B" w14:textId="77777777" w:rsidR="00DF4551" w:rsidRPr="00B06C14" w:rsidRDefault="00DF4551" w:rsidP="00B06C14">
      <w:pPr>
        <w:ind w:left="0"/>
      </w:pPr>
    </w:p>
    <w:p w14:paraId="4A417BB0" w14:textId="5CB3D4C2" w:rsidR="007D2378" w:rsidRPr="007D2378" w:rsidRDefault="007D2378" w:rsidP="007D2378">
      <w:pPr>
        <w:pStyle w:val="Heading1"/>
      </w:pPr>
      <w:r>
        <w:rPr>
          <w:noProof/>
        </w:rPr>
        <w:lastRenderedPageBreak/>
        <w:drawing>
          <wp:anchor distT="0" distB="0" distL="114300" distR="114300" simplePos="0" relativeHeight="251672576" behindDoc="0" locked="0" layoutInCell="1" allowOverlap="1" wp14:anchorId="249AFEC0" wp14:editId="0FC6CA48">
            <wp:simplePos x="0" y="0"/>
            <wp:positionH relativeFrom="margin">
              <wp:align>left</wp:align>
            </wp:positionH>
            <wp:positionV relativeFrom="paragraph">
              <wp:posOffset>484293</wp:posOffset>
            </wp:positionV>
            <wp:extent cx="5943600" cy="3348355"/>
            <wp:effectExtent l="19050" t="19050" r="19050" b="23495"/>
            <wp:wrapSquare wrapText="bothSides"/>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pic:cNvPicPr/>
                  </pic:nvPicPr>
                  <pic:blipFill>
                    <a:blip r:embed="rId13"/>
                    <a:stretch>
                      <a:fillRect/>
                    </a:stretch>
                  </pic:blipFill>
                  <pic:spPr>
                    <a:xfrm>
                      <a:off x="0" y="0"/>
                      <a:ext cx="5943600" cy="3348355"/>
                    </a:xfrm>
                    <a:prstGeom prst="rect">
                      <a:avLst/>
                    </a:prstGeom>
                    <a:ln>
                      <a:solidFill>
                        <a:schemeClr val="accent1"/>
                      </a:solidFill>
                    </a:ln>
                  </pic:spPr>
                </pic:pic>
              </a:graphicData>
            </a:graphic>
          </wp:anchor>
        </w:drawing>
      </w:r>
      <w:r w:rsidR="0006175C">
        <w:rPr>
          <w:rStyle w:val="Heading1Char"/>
          <w:b/>
        </w:rPr>
        <w:t>Analysis 5 – School Zone</w:t>
      </w:r>
    </w:p>
    <w:p w14:paraId="5F95D90D" w14:textId="04849110" w:rsidR="00DF4551" w:rsidRDefault="00676C08" w:rsidP="00676C08">
      <w:pPr>
        <w:pStyle w:val="Caption"/>
        <w:jc w:val="center"/>
      </w:pPr>
      <w:r>
        <w:t xml:space="preserve">Figure </w:t>
      </w:r>
      <w:fldSimple w:instr=" SEQ Figure \* ARABIC ">
        <w:r>
          <w:rPr>
            <w:noProof/>
          </w:rPr>
          <w:t>6</w:t>
        </w:r>
      </w:fldSimple>
      <w:r>
        <w:t xml:space="preserve"> - Number of School Zone Cases</w:t>
      </w:r>
    </w:p>
    <w:p w14:paraId="399141AC" w14:textId="45A8F929" w:rsidR="007D2378" w:rsidRPr="007D2378" w:rsidRDefault="007D2378" w:rsidP="007D2378">
      <w:pPr>
        <w:ind w:left="0"/>
      </w:pPr>
      <w:r>
        <w:t>Figure 6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w:t>
      </w:r>
      <w:r w:rsidR="003D74CD">
        <w:t>within a school zone</w:t>
      </w:r>
      <w:r>
        <w:t>.</w:t>
      </w:r>
      <w:r w:rsidR="0085581F">
        <w:t xml:space="preserve"> Traffic penalties that occur within school zones </w:t>
      </w:r>
      <w:r w:rsidR="004A1A01">
        <w:t>are consistent across 12 months, fluctuating in the 300 to 400 range.</w:t>
      </w:r>
      <w:r w:rsidR="008930A7">
        <w:t xml:space="preserve"> </w:t>
      </w:r>
      <w:r w:rsidR="004A1A01">
        <w:t xml:space="preserve">However, January and December </w:t>
      </w:r>
      <w:r w:rsidR="00555830">
        <w:t xml:space="preserve">decrease to the 200 to 250 range.  </w:t>
      </w:r>
      <w:r w:rsidR="008930A7">
        <w:t xml:space="preserve">As </w:t>
      </w:r>
      <w:r w:rsidR="003F73E2">
        <w:t xml:space="preserve">terms for state schools across NSW </w:t>
      </w:r>
      <w:r w:rsidR="00C52BA1">
        <w:t>start late</w:t>
      </w:r>
      <w:r w:rsidR="003F73E2">
        <w:t xml:space="preserve"> </w:t>
      </w:r>
      <w:r w:rsidR="00C52BA1">
        <w:t xml:space="preserve">January and run to early December, </w:t>
      </w:r>
      <w:r w:rsidR="0085581F">
        <w:t xml:space="preserve">the data shown </w:t>
      </w:r>
      <w:r w:rsidR="00555830">
        <w:t>seems</w:t>
      </w:r>
      <w:r w:rsidR="0085581F">
        <w:t xml:space="preserve"> reasonable.</w:t>
      </w:r>
      <w:r w:rsidR="00C52BA1">
        <w:t xml:space="preserve"> </w:t>
      </w:r>
      <w:r w:rsidR="00D335B0">
        <w:t>The TfNSW should be wary of August and November,</w:t>
      </w:r>
      <w:r w:rsidR="002838C7">
        <w:t xml:space="preserve"> </w:t>
      </w:r>
      <w:r w:rsidR="00D335B0">
        <w:t xml:space="preserve">as </w:t>
      </w:r>
      <w:r w:rsidR="002838C7">
        <w:t>traffic penalties spike during these times.</w:t>
      </w:r>
    </w:p>
    <w:p w14:paraId="039CC6C8" w14:textId="6A017C1C" w:rsidR="00676C08" w:rsidRDefault="00676C08" w:rsidP="002838C7">
      <w:pPr>
        <w:ind w:left="0"/>
      </w:pPr>
      <w:r>
        <w:rPr>
          <w:noProof/>
        </w:rPr>
        <w:lastRenderedPageBreak/>
        <w:drawing>
          <wp:anchor distT="0" distB="0" distL="114300" distR="114300" simplePos="0" relativeHeight="251673600" behindDoc="0" locked="0" layoutInCell="1" allowOverlap="1" wp14:anchorId="324EEE52" wp14:editId="605A434E">
            <wp:simplePos x="0" y="0"/>
            <wp:positionH relativeFrom="margin">
              <wp:align>left</wp:align>
            </wp:positionH>
            <wp:positionV relativeFrom="paragraph">
              <wp:posOffset>300779</wp:posOffset>
            </wp:positionV>
            <wp:extent cx="5943600" cy="2005965"/>
            <wp:effectExtent l="19050" t="19050" r="19050" b="13335"/>
            <wp:wrapTopAndBottom/>
            <wp:docPr id="12" name="Picture 12" descr="Chart,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Chart, pie chart&#10;&#10;Description automatically generated"/>
                    <pic:cNvPicPr/>
                  </pic:nvPicPr>
                  <pic:blipFill>
                    <a:blip r:embed="rId14"/>
                    <a:stretch>
                      <a:fillRect/>
                    </a:stretch>
                  </pic:blipFill>
                  <pic:spPr>
                    <a:xfrm>
                      <a:off x="0" y="0"/>
                      <a:ext cx="5943600" cy="2005965"/>
                    </a:xfrm>
                    <a:prstGeom prst="rect">
                      <a:avLst/>
                    </a:prstGeom>
                    <a:ln>
                      <a:solidFill>
                        <a:schemeClr val="accent1"/>
                      </a:solidFill>
                    </a:ln>
                  </pic:spPr>
                </pic:pic>
              </a:graphicData>
            </a:graphic>
          </wp:anchor>
        </w:drawing>
      </w:r>
    </w:p>
    <w:p w14:paraId="312D03EA" w14:textId="3DA6D568" w:rsidR="00DF4551" w:rsidRDefault="00676C08" w:rsidP="00676C08">
      <w:pPr>
        <w:pStyle w:val="Caption"/>
        <w:jc w:val="center"/>
      </w:pPr>
      <w:r>
        <w:t xml:space="preserve">Figure </w:t>
      </w:r>
      <w:fldSimple w:instr=" SEQ Figure \* ARABIC ">
        <w:r>
          <w:rPr>
            <w:noProof/>
          </w:rPr>
          <w:t>7</w:t>
        </w:r>
      </w:fldSimple>
      <w:r>
        <w:t xml:space="preserve"> - School Zone and Frequent Offence Codes</w:t>
      </w:r>
    </w:p>
    <w:p w14:paraId="4C23D9F3" w14:textId="1F33DF9B" w:rsidR="003D74CD" w:rsidRPr="007D2378" w:rsidRDefault="003D74CD" w:rsidP="003D74CD">
      <w:pPr>
        <w:ind w:left="0"/>
      </w:pPr>
      <w:r>
        <w:t>Figure 7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within a school zone.</w:t>
      </w:r>
      <w:r w:rsidR="0054627D">
        <w:t xml:space="preserve"> Cases </w:t>
      </w:r>
      <w:r w:rsidR="009A20E8">
        <w:t>occurring outside school zones do not differ in terms of the top three offence codes – 10km/h and under, 10km/h and over, as well as 20</w:t>
      </w:r>
      <w:r w:rsidR="00E84E8E">
        <w:t xml:space="preserve">km/h. and over. This is concerning, </w:t>
      </w:r>
      <w:r w:rsidR="00AB351A">
        <w:t xml:space="preserve">as speed limits around school zones are reduced to 40km/h, rather than the standard 60km/h, in order to protect school aged children. </w:t>
      </w:r>
      <w:r w:rsidR="00E810DB">
        <w:t>From this analysis, it seems that it is socially acceptable to speed under 10km/h, whether the traffic offender is in a school zone or not. The TfNSW should make note of this analysis to further discourage speeding</w:t>
      </w:r>
      <w:r w:rsidR="007213EA">
        <w:t xml:space="preserve"> around areas with</w:t>
      </w:r>
      <w:r w:rsidR="005F7AC0">
        <w:t xml:space="preserve"> consistent and multiple </w:t>
      </w:r>
      <w:r w:rsidR="007213EA">
        <w:t>pedestrians</w:t>
      </w:r>
      <w:r w:rsidR="005F7AC0">
        <w:t>.</w:t>
      </w:r>
    </w:p>
    <w:p w14:paraId="1EBB40F6" w14:textId="77A3EF76" w:rsidR="003D74CD" w:rsidRPr="003D74CD" w:rsidRDefault="005F7AC0" w:rsidP="005F7AC0">
      <w:pPr>
        <w:ind w:left="0"/>
        <w:rPr>
          <w:rStyle w:val="Heading1Char"/>
          <w:rFonts w:asciiTheme="minorHAnsi" w:eastAsiaTheme="minorEastAsia" w:hAnsiTheme="minorHAnsi" w:cstheme="minorBidi"/>
          <w:b w:val="0"/>
          <w:color w:val="auto"/>
          <w:sz w:val="22"/>
          <w:szCs w:val="22"/>
        </w:rPr>
      </w:pPr>
      <w:r>
        <w:rPr>
          <w:noProof/>
        </w:rPr>
        <w:lastRenderedPageBreak/>
        <mc:AlternateContent>
          <mc:Choice Requires="wps">
            <w:drawing>
              <wp:anchor distT="0" distB="0" distL="114300" distR="114300" simplePos="0" relativeHeight="251677696" behindDoc="0" locked="0" layoutInCell="1" allowOverlap="1" wp14:anchorId="15ED71DA" wp14:editId="36F70BF1">
                <wp:simplePos x="0" y="0"/>
                <wp:positionH relativeFrom="margin">
                  <wp:align>right</wp:align>
                </wp:positionH>
                <wp:positionV relativeFrom="paragraph">
                  <wp:posOffset>3032125</wp:posOffset>
                </wp:positionV>
                <wp:extent cx="5943600" cy="635"/>
                <wp:effectExtent l="0" t="0" r="0" b="5715"/>
                <wp:wrapTopAndBottom/>
                <wp:docPr id="14" name="Text Box 14"/>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2188700F" w14:textId="5EC4939B" w:rsidR="00676C08" w:rsidRPr="00AB756B" w:rsidRDefault="00676C08" w:rsidP="00676C08">
                            <w:pPr>
                              <w:pStyle w:val="Caption"/>
                              <w:jc w:val="center"/>
                              <w:rPr>
                                <w:b/>
                                <w:noProof/>
                                <w:sz w:val="28"/>
                                <w:szCs w:val="28"/>
                              </w:rPr>
                            </w:pPr>
                            <w:r>
                              <w:t xml:space="preserve">Figure </w:t>
                            </w:r>
                            <w:fldSimple w:instr=" SEQ Figure \* ARABIC ">
                              <w:r>
                                <w:rPr>
                                  <w:noProof/>
                                </w:rPr>
                                <w:t>8</w:t>
                              </w:r>
                            </w:fldSimple>
                            <w:r>
                              <w:t xml:space="preserve"> -</w:t>
                            </w:r>
                            <w:r w:rsidRPr="003D279F">
                              <w:t xml:space="preserve"> School Zone Cases Captured by Camera and Radar</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15ED71DA" id="Text Box 14" o:spid="_x0000_s1030" type="#_x0000_t202" style="position:absolute;margin-left:416.8pt;margin-top:238.75pt;width:468pt;height:.05pt;z-index:251677696;visibility:visible;mso-wrap-style:square;mso-wrap-distance-left:9pt;mso-wrap-distance-top:0;mso-wrap-distance-right:9pt;mso-wrap-distance-bottom:0;mso-position-horizontal:right;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" stroked="f">
                <v:textbox style="mso-fit-shape-to-text:t" inset="0,0,0,0">
                  <w:txbxContent>
                    <w:p w14:paraId="2188700F" w14:textId="5EC4939B" w:rsidR="00676C08" w:rsidRPr="00AB756B" w:rsidRDefault="00676C08" w:rsidP="00676C08">
                      <w:pPr>
                        <w:pStyle w:val="Caption"/>
                        <w:jc w:val="center"/>
                        <w:rPr>
                          <w:b/>
                          <w:noProof/>
                          <w:sz w:val="28"/>
                          <w:szCs w:val="28"/>
                        </w:rPr>
                      </w:pPr>
                      <w:r>
                        <w:t xml:space="preserve">Figure </w:t>
                      </w:r>
                      <w:fldSimple w:instr=" SEQ Figure \* ARABIC ">
                        <w:r>
                          <w:rPr>
                            <w:noProof/>
                          </w:rPr>
                          <w:t>8</w:t>
                        </w:r>
                      </w:fldSimple>
                      <w:r>
                        <w:t xml:space="preserve"> -</w:t>
                      </w:r>
                      <w:r w:rsidRPr="003D279F">
                        <w:t xml:space="preserve"> School Zone Cases Captured by Camera and Radar</w:t>
                      </w:r>
                    </w:p>
                  </w:txbxContent>
                </v:textbox>
                <w10:wrap type="topAndBottom" anchorx="margin"/>
              </v:shape>
            </w:pict>
          </mc:Fallback>
        </mc:AlternateContent>
      </w:r>
      <w:r>
        <w:rPr>
          <w:noProof/>
        </w:rPr>
        <w:drawing>
          <wp:anchor distT="0" distB="0" distL="114300" distR="114300" simplePos="0" relativeHeight="251675648" behindDoc="0" locked="0" layoutInCell="1" allowOverlap="1" wp14:anchorId="3E26999B" wp14:editId="6AD9278C">
            <wp:simplePos x="0" y="0"/>
            <wp:positionH relativeFrom="margin">
              <wp:align>right</wp:align>
            </wp:positionH>
            <wp:positionV relativeFrom="paragraph">
              <wp:posOffset>251883</wp:posOffset>
            </wp:positionV>
            <wp:extent cx="5943600" cy="2737485"/>
            <wp:effectExtent l="19050" t="19050" r="19050" b="24765"/>
            <wp:wrapTopAndBottom/>
            <wp:docPr id="13" name="Picture 13"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Chart, line chart&#10;&#10;Description automatically generated"/>
                    <pic:cNvPicPr/>
                  </pic:nvPicPr>
                  <pic:blipFill>
                    <a:blip r:embed="rId15"/>
                    <a:stretch>
                      <a:fillRect/>
                    </a:stretch>
                  </pic:blipFill>
                  <pic:spPr>
                    <a:xfrm>
                      <a:off x="0" y="0"/>
                      <a:ext cx="5943600" cy="2737485"/>
                    </a:xfrm>
                    <a:prstGeom prst="rect">
                      <a:avLst/>
                    </a:prstGeom>
                    <a:ln>
                      <a:solidFill>
                        <a:schemeClr val="accent1"/>
                      </a:solidFill>
                    </a:ln>
                  </pic:spPr>
                </pic:pic>
              </a:graphicData>
            </a:graphic>
          </wp:anchor>
        </w:drawing>
      </w:r>
    </w:p>
    <w:p w14:paraId="5F64BDAA" w14:textId="7F7CA662" w:rsidR="003D74CD" w:rsidRPr="007D2378" w:rsidRDefault="003D74CD" w:rsidP="003D74CD">
      <w:pPr>
        <w:ind w:left="0"/>
      </w:pPr>
      <w:r>
        <w:t>Figure 7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within a school zone.</w:t>
      </w:r>
      <w:r w:rsidR="005F7AC0">
        <w:t xml:space="preserve"> Cases occurring outside school zones do not differ in te</w:t>
      </w:r>
      <w:r w:rsidR="00F34F8F">
        <w:t>rms of using cameras over radars</w:t>
      </w:r>
      <w:r w:rsidR="004C4E89">
        <w:t xml:space="preserve">. However, frequency </w:t>
      </w:r>
      <w:r w:rsidR="007B4938">
        <w:t xml:space="preserve">of cases being captured stay at a high level throughout the </w:t>
      </w:r>
      <w:r w:rsidR="00B234C0">
        <w:t>12-month</w:t>
      </w:r>
      <w:r w:rsidR="007B4938">
        <w:t xml:space="preserve"> period,</w:t>
      </w:r>
      <w:r w:rsidR="0049299A">
        <w:t xml:space="preserve"> with camera and radar detection dropping significantly in January and December. Once again, the data is reasonable due to</w:t>
      </w:r>
      <w:r w:rsidR="00B234C0">
        <w:t xml:space="preserve"> school start and end dates. </w:t>
      </w:r>
    </w:p>
    <w:p w14:paraId="20586613" w14:textId="69A3A00E" w:rsidR="002D4235" w:rsidRDefault="002D4235" w:rsidP="003D74CD">
      <w:pPr>
        <w:rPr>
          <w:rStyle w:val="Heading1Char"/>
          <w:b w:val="0"/>
        </w:rPr>
      </w:pPr>
    </w:p>
    <w:p w14:paraId="71DA5DEA" w14:textId="1E9F52B0"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6"/>
      <w:footerReference w:type="first" r:id="rId17"/>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E1360D4" w14:textId="77777777" w:rsidR="007B263F" w:rsidRDefault="007B263F">
      <w:pPr>
        <w:spacing w:after="0" w:line="240" w:lineRule="auto"/>
      </w:pPr>
      <w:r>
        <w:separator/>
      </w:r>
    </w:p>
  </w:endnote>
  <w:endnote w:type="continuationSeparator" w:id="0">
    <w:p w14:paraId="6701314E" w14:textId="77777777" w:rsidR="007B263F" w:rsidRDefault="007B263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AE9277A"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55DA6">
                <w:t>NSW Penalty Data Tool: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p>
      </w:tc>
      <w:tc>
        <w:tcPr>
          <w:tcW w:w="4675" w:type="dxa"/>
        </w:tcPr>
        <w:p w14:paraId="66753B50" w14:textId="048A5D02"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432F81">
            <w:rPr>
              <w:noProof/>
            </w:rPr>
            <w:t>9</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47EBD8DE"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55DA6">
          <w:t>NSW Penalty Data Tool: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F6D4EFD" w14:textId="77777777" w:rsidR="007B263F" w:rsidRDefault="007B263F">
      <w:pPr>
        <w:spacing w:after="0" w:line="240" w:lineRule="auto"/>
      </w:pPr>
      <w:r>
        <w:separator/>
      </w:r>
    </w:p>
  </w:footnote>
  <w:footnote w:type="continuationSeparator" w:id="0">
    <w:p w14:paraId="6816FF5C" w14:textId="77777777" w:rsidR="007B263F" w:rsidRDefault="007B263F">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7B9D"/>
    <w:rsid w:val="00022A0C"/>
    <w:rsid w:val="00024A3C"/>
    <w:rsid w:val="00030422"/>
    <w:rsid w:val="00031739"/>
    <w:rsid w:val="00054143"/>
    <w:rsid w:val="0006175C"/>
    <w:rsid w:val="000C5455"/>
    <w:rsid w:val="000D1810"/>
    <w:rsid w:val="0014373F"/>
    <w:rsid w:val="00147D6E"/>
    <w:rsid w:val="00184AA9"/>
    <w:rsid w:val="001E4C41"/>
    <w:rsid w:val="001F5A37"/>
    <w:rsid w:val="00226F4D"/>
    <w:rsid w:val="00267CFA"/>
    <w:rsid w:val="002838C7"/>
    <w:rsid w:val="00290F77"/>
    <w:rsid w:val="002D4235"/>
    <w:rsid w:val="002D429B"/>
    <w:rsid w:val="002D73CC"/>
    <w:rsid w:val="00307D60"/>
    <w:rsid w:val="00350015"/>
    <w:rsid w:val="00355438"/>
    <w:rsid w:val="003B47AA"/>
    <w:rsid w:val="003D542A"/>
    <w:rsid w:val="003D74CD"/>
    <w:rsid w:val="003F73E2"/>
    <w:rsid w:val="00401176"/>
    <w:rsid w:val="0041405F"/>
    <w:rsid w:val="00432F81"/>
    <w:rsid w:val="00447511"/>
    <w:rsid w:val="00462049"/>
    <w:rsid w:val="00476F54"/>
    <w:rsid w:val="0049299A"/>
    <w:rsid w:val="004A1A01"/>
    <w:rsid w:val="004B4816"/>
    <w:rsid w:val="004C4E89"/>
    <w:rsid w:val="004E4FA5"/>
    <w:rsid w:val="00507B9A"/>
    <w:rsid w:val="0054627D"/>
    <w:rsid w:val="00555830"/>
    <w:rsid w:val="00585EFC"/>
    <w:rsid w:val="00586ADE"/>
    <w:rsid w:val="005F33D6"/>
    <w:rsid w:val="005F7AC0"/>
    <w:rsid w:val="00644A1D"/>
    <w:rsid w:val="00661BFE"/>
    <w:rsid w:val="00667E9E"/>
    <w:rsid w:val="00676C08"/>
    <w:rsid w:val="00677480"/>
    <w:rsid w:val="00685E10"/>
    <w:rsid w:val="006D2877"/>
    <w:rsid w:val="006D2B32"/>
    <w:rsid w:val="006F5885"/>
    <w:rsid w:val="007213EA"/>
    <w:rsid w:val="0072609E"/>
    <w:rsid w:val="00737018"/>
    <w:rsid w:val="0075020D"/>
    <w:rsid w:val="007947AE"/>
    <w:rsid w:val="007B263F"/>
    <w:rsid w:val="007B4938"/>
    <w:rsid w:val="007D2378"/>
    <w:rsid w:val="008242BA"/>
    <w:rsid w:val="00841FF5"/>
    <w:rsid w:val="00852077"/>
    <w:rsid w:val="0085581F"/>
    <w:rsid w:val="008805FE"/>
    <w:rsid w:val="0088701B"/>
    <w:rsid w:val="008930A7"/>
    <w:rsid w:val="008A49B8"/>
    <w:rsid w:val="009000CE"/>
    <w:rsid w:val="009661B7"/>
    <w:rsid w:val="0097144C"/>
    <w:rsid w:val="0098770F"/>
    <w:rsid w:val="009A20E8"/>
    <w:rsid w:val="009E15E1"/>
    <w:rsid w:val="009F0E2B"/>
    <w:rsid w:val="00A1370F"/>
    <w:rsid w:val="00A3214E"/>
    <w:rsid w:val="00A53340"/>
    <w:rsid w:val="00A539DD"/>
    <w:rsid w:val="00AB351A"/>
    <w:rsid w:val="00AD07E1"/>
    <w:rsid w:val="00AE0CAF"/>
    <w:rsid w:val="00B06C14"/>
    <w:rsid w:val="00B11D01"/>
    <w:rsid w:val="00B1203B"/>
    <w:rsid w:val="00B12385"/>
    <w:rsid w:val="00B14281"/>
    <w:rsid w:val="00B22FEA"/>
    <w:rsid w:val="00B234C0"/>
    <w:rsid w:val="00B53442"/>
    <w:rsid w:val="00B779FC"/>
    <w:rsid w:val="00BA303B"/>
    <w:rsid w:val="00BC2410"/>
    <w:rsid w:val="00BD5F04"/>
    <w:rsid w:val="00C33597"/>
    <w:rsid w:val="00C37D4D"/>
    <w:rsid w:val="00C52BA1"/>
    <w:rsid w:val="00C664E1"/>
    <w:rsid w:val="00C6730D"/>
    <w:rsid w:val="00C72359"/>
    <w:rsid w:val="00C869EE"/>
    <w:rsid w:val="00CB7A3A"/>
    <w:rsid w:val="00CC31FD"/>
    <w:rsid w:val="00CE00DD"/>
    <w:rsid w:val="00D335B0"/>
    <w:rsid w:val="00D67CDA"/>
    <w:rsid w:val="00D91E50"/>
    <w:rsid w:val="00DB728E"/>
    <w:rsid w:val="00DC554D"/>
    <w:rsid w:val="00DC6292"/>
    <w:rsid w:val="00DD0ACF"/>
    <w:rsid w:val="00DD0EBC"/>
    <w:rsid w:val="00DF3EFF"/>
    <w:rsid w:val="00DF4551"/>
    <w:rsid w:val="00E023DF"/>
    <w:rsid w:val="00E25CD8"/>
    <w:rsid w:val="00E555E2"/>
    <w:rsid w:val="00E55DA6"/>
    <w:rsid w:val="00E561D1"/>
    <w:rsid w:val="00E7059A"/>
    <w:rsid w:val="00E73391"/>
    <w:rsid w:val="00E7555A"/>
    <w:rsid w:val="00E810DB"/>
    <w:rsid w:val="00E84E8E"/>
    <w:rsid w:val="00EA4ED3"/>
    <w:rsid w:val="00ED34AE"/>
    <w:rsid w:val="00ED5FFD"/>
    <w:rsid w:val="00ED6CCA"/>
    <w:rsid w:val="00EE01D2"/>
    <w:rsid w:val="00EE5CBB"/>
    <w:rsid w:val="00EF1F30"/>
    <w:rsid w:val="00EF26F7"/>
    <w:rsid w:val="00F03EC6"/>
    <w:rsid w:val="00F25C83"/>
    <w:rsid w:val="00F34F8F"/>
    <w:rsid w:val="00F85244"/>
    <w:rsid w:val="00F90FAF"/>
    <w:rsid w:val="00F95DD5"/>
    <w:rsid w:val="00FC7FB7"/>
    <w:rsid w:val="00FD740C"/>
    <w:rsid w:val="00FE4738"/>
    <w:rsid w:val="00FF2BD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Caption">
    <w:name w:val="caption"/>
    <w:basedOn w:val="Normal"/>
    <w:next w:val="Normal"/>
    <w:uiPriority w:val="35"/>
    <w:unhideWhenUsed/>
    <w:qFormat/>
    <w:rsid w:val="0006175C"/>
    <w:pPr>
      <w:spacing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34709245">
      <w:bodyDiv w:val="1"/>
      <w:marLeft w:val="0"/>
      <w:marRight w:val="0"/>
      <w:marTop w:val="0"/>
      <w:marBottom w:val="0"/>
      <w:divBdr>
        <w:top w:val="none" w:sz="0" w:space="0" w:color="auto"/>
        <w:left w:val="none" w:sz="0" w:space="0" w:color="auto"/>
        <w:bottom w:val="none" w:sz="0" w:space="0" w:color="auto"/>
        <w:right w:val="none" w:sz="0" w:space="0" w:color="auto"/>
      </w:divBdr>
    </w:div>
    <w:div w:id="12045603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footer" Target="footer3.xml"/><Relationship Id="rId2" Type="http://schemas.openxmlformats.org/officeDocument/2006/relationships/styles" Target="styles.xml"/><Relationship Id="rId16" Type="http://schemas.openxmlformats.org/officeDocument/2006/relationships/footer" Target="footer2.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glossaryDocument" Target="glossary/document.xm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image" Target="media/image7.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3120BC"/>
    <w:rsid w:val="003E7136"/>
    <w:rsid w:val="00854693"/>
    <w:rsid w:val="00A87883"/>
    <w:rsid w:val="00B84D8F"/>
    <w:rsid w:val="00CB78AE"/>
    <w:rsid w:val="00CF14BF"/>
    <w:rsid w:val="00E228A9"/>
    <w:rsid w:val="00FC2EF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145</TotalTime>
  <Pages>10</Pages>
  <Words>1145</Words>
  <Characters>6529</Characters>
  <Application>Microsoft Office Word</Application>
  <DocSecurity>0</DocSecurity>
  <Lines>54</Lines>
  <Paragraphs>15</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765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W Penalty Data Tool: Executive Summary</dc:title>
  <dc:creator>Brianne Byer</dc:creator>
  <cp:keywords/>
  <cp:lastModifiedBy>Brianne Byer</cp:lastModifiedBy>
  <cp:revision>134</cp:revision>
  <dcterms:created xsi:type="dcterms:W3CDTF">2017-08-28T03:16:00Z</dcterms:created>
  <dcterms:modified xsi:type="dcterms:W3CDTF">2022-10-09T08:50: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